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38851\Desktop\"/>
    </mc:Choice>
  </mc:AlternateContent>
  <xr:revisionPtr revIDLastSave="0" documentId="8_{A8A80F98-8A18-4BC1-8661-DDDE9AFE0EA4}" xr6:coauthVersionLast="47" xr6:coauthVersionMax="47" xr10:uidLastSave="{00000000-0000-0000-0000-000000000000}"/>
  <bookViews>
    <workbookView xWindow="2268" yWindow="1944" windowWidth="17256" windowHeight="8964" xr2:uid="{00000000-000D-0000-FFFF-FFFF00000000}"/>
  </bookViews>
  <sheets>
    <sheet name="DA63" sheetId="1" r:id="rId1"/>
  </sheets>
  <calcPr calcId="0"/>
</workbook>
</file>

<file path=xl/sharedStrings.xml><?xml version="1.0" encoding="utf-8"?>
<sst xmlns="http://schemas.openxmlformats.org/spreadsheetml/2006/main" count="57" uniqueCount="52">
  <si>
    <t>IMPORTS</t>
  </si>
  <si>
    <t>Export Bill of Entry Line No.</t>
  </si>
  <si>
    <t>DA63 Line No.</t>
  </si>
  <si>
    <t>MRN</t>
  </si>
  <si>
    <t xml:space="preserve">Line </t>
  </si>
  <si>
    <t xml:space="preserve">Origin </t>
  </si>
  <si>
    <t>Tariff Sub Heading</t>
  </si>
  <si>
    <t>Quantity</t>
  </si>
  <si>
    <t>Code</t>
  </si>
  <si>
    <t>Invoice Line No.</t>
  </si>
  <si>
    <t>FOB Value</t>
  </si>
  <si>
    <t>FOB Currency Code</t>
  </si>
  <si>
    <t>X or /</t>
  </si>
  <si>
    <t>Conversion Factor /Rate of Exchange</t>
  </si>
  <si>
    <t>Customs Value</t>
  </si>
  <si>
    <t>Customs Duty</t>
  </si>
  <si>
    <t>Sch 1P2A</t>
  </si>
  <si>
    <t>Sch 1P2B</t>
  </si>
  <si>
    <t>Sch 1P3A</t>
  </si>
  <si>
    <t>Sch 1P3C</t>
  </si>
  <si>
    <t>Sch 1P3D</t>
  </si>
  <si>
    <t>Sch 1P3E</t>
  </si>
  <si>
    <t>Sch 1P5A</t>
  </si>
  <si>
    <t>Sch 1P5B</t>
  </si>
  <si>
    <t>Sch 1P7A</t>
  </si>
  <si>
    <t>Sch 2P3</t>
  </si>
  <si>
    <t xml:space="preserve">1st Duty Tax Type </t>
  </si>
  <si>
    <t>1st Duty Tax Amount</t>
  </si>
  <si>
    <t xml:space="preserve">2nd Duty Tax Type </t>
  </si>
  <si>
    <t>2nd Duty Tax Amount</t>
  </si>
  <si>
    <t>VAT</t>
  </si>
  <si>
    <t>Marks. Nos. No. and Description</t>
  </si>
  <si>
    <t>Description and Particulars of Goods for Duty Purposes</t>
  </si>
  <si>
    <t>CTN202108065006369</t>
  </si>
  <si>
    <t>CN</t>
  </si>
  <si>
    <t>KG</t>
  </si>
  <si>
    <t>USD</t>
  </si>
  <si>
    <t>x</t>
  </si>
  <si>
    <t>ABCD</t>
  </si>
  <si>
    <t>Testing</t>
  </si>
  <si>
    <t xml:space="preserve">Export details </t>
  </si>
  <si>
    <t>Declaration MRN</t>
  </si>
  <si>
    <t>DA63 No.</t>
  </si>
  <si>
    <t>DA63 Date</t>
  </si>
  <si>
    <t>Place of Entry</t>
  </si>
  <si>
    <t>Total Amount Claimed</t>
  </si>
  <si>
    <t>JHB</t>
  </si>
  <si>
    <t>X</t>
  </si>
  <si>
    <t>BA</t>
  </si>
  <si>
    <t>e.g VLD202201205011042</t>
  </si>
  <si>
    <t>e.g      3</t>
  </si>
  <si>
    <t>e.g     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4">
    <xf numFmtId="0" fontId="0" fillId="0" borderId="0" xfId="0"/>
    <xf numFmtId="0" fontId="16" fillId="0" borderId="0" xfId="0" applyFont="1"/>
    <xf numFmtId="0" fontId="16" fillId="0" borderId="10" xfId="0" applyFont="1" applyBorder="1"/>
    <xf numFmtId="0" fontId="14" fillId="0" borderId="0" xfId="0" applyFont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F8"/>
  <sheetViews>
    <sheetView tabSelected="1" workbookViewId="0">
      <selection activeCell="C17" sqref="C17"/>
    </sheetView>
  </sheetViews>
  <sheetFormatPr defaultRowHeight="14.4" x14ac:dyDescent="0.3"/>
  <cols>
    <col min="1" max="1" width="23.33203125" customWidth="1"/>
    <col min="2" max="2" width="12.77734375" customWidth="1"/>
    <col min="3" max="3" width="9.88671875" customWidth="1"/>
    <col min="4" max="4" width="12.109375" customWidth="1"/>
    <col min="5" max="5" width="19.6640625" customWidth="1"/>
    <col min="6" max="6" width="16.6640625" customWidth="1"/>
    <col min="7" max="7" width="9.77734375" customWidth="1"/>
    <col min="8" max="8" width="6.21875" customWidth="1"/>
    <col min="9" max="9" width="14.44140625" customWidth="1"/>
    <col min="10" max="10" width="9.44140625" customWidth="1"/>
    <col min="11" max="11" width="16.77734375" customWidth="1"/>
    <col min="12" max="12" width="6.5546875" customWidth="1"/>
    <col min="13" max="13" width="31.33203125" customWidth="1"/>
    <col min="14" max="14" width="13.109375" customWidth="1"/>
    <col min="15" max="15" width="12.33203125" customWidth="1"/>
    <col min="26" max="26" width="15.44140625" customWidth="1"/>
    <col min="27" max="27" width="18.33203125" customWidth="1"/>
    <col min="28" max="28" width="16.21875" customWidth="1"/>
    <col min="29" max="29" width="19.109375" customWidth="1"/>
    <col min="31" max="31" width="27.77734375" customWidth="1"/>
    <col min="32" max="32" width="46.5546875" customWidth="1"/>
  </cols>
  <sheetData>
    <row r="1" spans="1:32" x14ac:dyDescent="0.3">
      <c r="A1" s="1"/>
      <c r="B1" s="1"/>
      <c r="C1" s="1"/>
      <c r="D1" s="1"/>
      <c r="E1" s="1"/>
      <c r="F1" s="1"/>
      <c r="G1" s="1" t="s">
        <v>0</v>
      </c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1:32" ht="22.8" customHeight="1" x14ac:dyDescent="0.3">
      <c r="A2" s="2" t="s">
        <v>1</v>
      </c>
      <c r="B2" s="2" t="s">
        <v>2</v>
      </c>
      <c r="C2" s="2" t="s">
        <v>3</v>
      </c>
      <c r="D2" s="2" t="s">
        <v>4</v>
      </c>
      <c r="E2" s="2" t="s">
        <v>5</v>
      </c>
      <c r="F2" s="2" t="s">
        <v>6</v>
      </c>
      <c r="G2" s="2" t="s">
        <v>7</v>
      </c>
      <c r="H2" s="2" t="s">
        <v>8</v>
      </c>
      <c r="I2" s="2" t="s">
        <v>9</v>
      </c>
      <c r="J2" s="2" t="s">
        <v>10</v>
      </c>
      <c r="K2" s="2" t="s">
        <v>11</v>
      </c>
      <c r="L2" s="2" t="s">
        <v>12</v>
      </c>
      <c r="M2" s="2" t="s">
        <v>13</v>
      </c>
      <c r="N2" s="2" t="s">
        <v>14</v>
      </c>
      <c r="O2" s="2" t="s">
        <v>15</v>
      </c>
      <c r="P2" s="2" t="s">
        <v>16</v>
      </c>
      <c r="Q2" s="2" t="s">
        <v>17</v>
      </c>
      <c r="R2" s="2" t="s">
        <v>18</v>
      </c>
      <c r="S2" s="2" t="s">
        <v>19</v>
      </c>
      <c r="T2" s="2" t="s">
        <v>20</v>
      </c>
      <c r="U2" s="2" t="s">
        <v>21</v>
      </c>
      <c r="V2" s="2" t="s">
        <v>22</v>
      </c>
      <c r="W2" s="2" t="s">
        <v>23</v>
      </c>
      <c r="X2" s="2" t="s">
        <v>24</v>
      </c>
      <c r="Y2" s="2" t="s">
        <v>25</v>
      </c>
      <c r="Z2" s="2" t="s">
        <v>26</v>
      </c>
      <c r="AA2" s="2" t="s">
        <v>27</v>
      </c>
      <c r="AB2" s="2" t="s">
        <v>28</v>
      </c>
      <c r="AC2" s="2" t="s">
        <v>29</v>
      </c>
      <c r="AD2" s="2" t="s">
        <v>30</v>
      </c>
      <c r="AE2" s="2" t="s">
        <v>31</v>
      </c>
      <c r="AF2" s="2" t="s">
        <v>32</v>
      </c>
    </row>
    <row r="3" spans="1:32" x14ac:dyDescent="0.3">
      <c r="A3" s="3" t="s">
        <v>50</v>
      </c>
      <c r="B3" s="3">
        <v>1</v>
      </c>
      <c r="C3" s="3" t="s">
        <v>33</v>
      </c>
      <c r="D3" s="3">
        <v>15</v>
      </c>
      <c r="E3" s="3" t="s">
        <v>34</v>
      </c>
      <c r="F3" s="3">
        <v>39191043</v>
      </c>
      <c r="G3" s="3">
        <v>0.25</v>
      </c>
      <c r="H3" s="3" t="s">
        <v>35</v>
      </c>
      <c r="I3" s="3">
        <v>13</v>
      </c>
      <c r="J3" s="3">
        <v>20</v>
      </c>
      <c r="K3" s="3" t="s">
        <v>36</v>
      </c>
      <c r="L3" s="3" t="s">
        <v>37</v>
      </c>
      <c r="M3" s="3">
        <v>15.18</v>
      </c>
      <c r="N3" s="3">
        <v>200</v>
      </c>
      <c r="O3" s="3">
        <v>62.21</v>
      </c>
      <c r="P3" s="3">
        <v>0</v>
      </c>
      <c r="Q3" s="3">
        <v>0</v>
      </c>
      <c r="R3" s="3">
        <v>0</v>
      </c>
      <c r="S3" s="3">
        <v>0</v>
      </c>
      <c r="T3" s="3">
        <v>0</v>
      </c>
      <c r="U3" s="3">
        <v>0</v>
      </c>
      <c r="V3" s="3">
        <v>0</v>
      </c>
      <c r="W3" s="3">
        <v>0</v>
      </c>
      <c r="X3" s="3">
        <v>0</v>
      </c>
      <c r="Y3" s="3">
        <v>0</v>
      </c>
      <c r="Z3" s="3"/>
      <c r="AA3" s="3"/>
      <c r="AB3" s="3"/>
      <c r="AC3" s="3"/>
      <c r="AD3" s="3"/>
      <c r="AE3" s="3" t="s">
        <v>38</v>
      </c>
      <c r="AF3" s="3" t="s">
        <v>39</v>
      </c>
    </row>
    <row r="4" spans="1:32" x14ac:dyDescent="0.3">
      <c r="A4" s="3" t="s">
        <v>51</v>
      </c>
      <c r="B4" s="3">
        <v>2</v>
      </c>
      <c r="C4" s="3" t="s">
        <v>33</v>
      </c>
      <c r="D4" s="3">
        <v>15</v>
      </c>
      <c r="E4" s="3" t="s">
        <v>34</v>
      </c>
      <c r="F4" s="3">
        <v>39191043</v>
      </c>
      <c r="G4" s="3">
        <v>0.55000000000000004</v>
      </c>
      <c r="H4" s="3" t="s">
        <v>35</v>
      </c>
      <c r="I4" s="3">
        <v>15</v>
      </c>
      <c r="J4" s="3">
        <v>50</v>
      </c>
      <c r="K4" s="3" t="s">
        <v>36</v>
      </c>
      <c r="L4" s="3" t="s">
        <v>47</v>
      </c>
      <c r="M4" s="3">
        <v>15.568789000000001</v>
      </c>
      <c r="N4" s="3">
        <v>500</v>
      </c>
      <c r="O4" s="3">
        <v>63.8</v>
      </c>
      <c r="P4" s="3">
        <v>0</v>
      </c>
      <c r="Q4" s="3">
        <v>0</v>
      </c>
      <c r="R4" s="3">
        <v>0</v>
      </c>
      <c r="S4" s="3">
        <v>0</v>
      </c>
      <c r="T4" s="3">
        <v>0</v>
      </c>
      <c r="U4" s="3">
        <v>0</v>
      </c>
      <c r="V4" s="3">
        <v>0</v>
      </c>
      <c r="W4" s="3">
        <v>0</v>
      </c>
      <c r="X4" s="3">
        <v>0</v>
      </c>
      <c r="Y4" s="3">
        <v>0</v>
      </c>
      <c r="Z4" s="3"/>
      <c r="AA4" s="3"/>
      <c r="AB4" s="3"/>
      <c r="AC4" s="3"/>
      <c r="AD4" s="3"/>
      <c r="AE4" s="3" t="s">
        <v>48</v>
      </c>
      <c r="AF4" s="3" t="s">
        <v>39</v>
      </c>
    </row>
    <row r="6" spans="1:32" x14ac:dyDescent="0.3">
      <c r="A6" s="1" t="s">
        <v>40</v>
      </c>
      <c r="B6" s="1"/>
      <c r="C6" s="1"/>
      <c r="D6" s="1"/>
      <c r="E6" s="1"/>
    </row>
    <row r="7" spans="1:32" x14ac:dyDescent="0.3">
      <c r="A7" s="2" t="s">
        <v>41</v>
      </c>
      <c r="B7" s="2" t="s">
        <v>42</v>
      </c>
      <c r="C7" s="2" t="s">
        <v>43</v>
      </c>
      <c r="D7" s="2" t="s">
        <v>44</v>
      </c>
      <c r="E7" s="2" t="s">
        <v>45</v>
      </c>
    </row>
    <row r="8" spans="1:32" x14ac:dyDescent="0.3">
      <c r="A8" s="3" t="s">
        <v>49</v>
      </c>
      <c r="B8" s="3">
        <v>1</v>
      </c>
      <c r="C8" s="3">
        <v>20220122</v>
      </c>
      <c r="D8" s="3" t="s">
        <v>46</v>
      </c>
      <c r="E8" s="3">
        <v>62.21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haredContentType xmlns="Microsoft.SharePoint.Taxonomy.ContentTypeSync" SourceId="2e1517fb-d2b1-44a1-a4a6-4df7a873e413" ContentTypeId="0x01010040EEE326BD1E9A4D85FC9D7A8B18F2620101" PreviousValue="false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SARS Customs Document" ma:contentTypeID="0x01010040EEE326BD1E9A4D85FC9D7A8B18F262010100E0FC1328ADACC14D895B8355ACA816A3" ma:contentTypeVersion="62" ma:contentTypeDescription="" ma:contentTypeScope="" ma:versionID="7a4878d094d17bc3f2ef89cc21857564">
  <xsd:schema xmlns:xsd="http://www.w3.org/2001/XMLSchema" xmlns:xs="http://www.w3.org/2001/XMLSchema" xmlns:p="http://schemas.microsoft.com/office/2006/metadata/properties" xmlns:ns2="c3443a2e-60f8-4a78-848d-80bd20643636" targetNamespace="http://schemas.microsoft.com/office/2006/metadata/properties" ma:root="true" ma:fieldsID="bd94da87af8dd4c227262d0118b6d1ad" ns2:_="">
    <xsd:import namespace="c3443a2e-60f8-4a78-848d-80bd20643636"/>
    <xsd:element name="properties">
      <xsd:complexType>
        <xsd:sequence>
          <xsd:element name="documentManagement">
            <xsd:complexType>
              <xsd:all>
                <xsd:element ref="ns2:Q-Code"/>
                <xsd:element ref="ns2:DocumentType"/>
                <xsd:element ref="ns2:Client_x0020_Group" minOccurs="0"/>
                <xsd:element ref="ns2:Mode_x0020_of_x0020_Transport" minOccurs="0"/>
                <xsd:element ref="ns2:Used_x0020_by"/>
                <xsd:element ref="ns2:Revision_x0020_Number" minOccurs="0"/>
                <xsd:element ref="ns2:ld3c2ffa898941fbb74bf6884d8e3f86" minOccurs="0"/>
                <xsd:element ref="ns2:TaxCatchAll" minOccurs="0"/>
                <xsd:element ref="ns2:TaxCatchAllLabel" minOccurs="0"/>
                <xsd:element ref="ns2:o01257ccd9b746dda7c90cd14582fea7" minOccurs="0"/>
                <xsd:element ref="ns2:d0f149eca2434f2a8c5eb3f963f961ae" minOccurs="0"/>
                <xsd:element ref="ns2:ecafa90c32ff4a9f9ed4d136794ca5b6" minOccurs="0"/>
                <xsd:element ref="ns2:Security_x0020_Classifi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443a2e-60f8-4a78-848d-80bd20643636" elementFormDefault="qualified">
    <xsd:import namespace="http://schemas.microsoft.com/office/2006/documentManagement/types"/>
    <xsd:import namespace="http://schemas.microsoft.com/office/infopath/2007/PartnerControls"/>
    <xsd:element name="Q-Code" ma:index="2" ma:displayName="Q-Code" ma:description="Hosts the Q-Code for all controlled documents" ma:internalName="Q_x002d_Code" ma:readOnly="false">
      <xsd:simpleType>
        <xsd:restriction base="dms:Text">
          <xsd:maxLength value="255"/>
        </xsd:restriction>
      </xsd:simpleType>
    </xsd:element>
    <xsd:element name="DocumentType" ma:index="3" ma:displayName="DocumentType" ma:default="Annexure" ma:description="Hosts the types of documents we have in SARS (Policies, Procedures, forms, etc.)" ma:format="Dropdown" ma:internalName="DocumentType">
      <xsd:simpleType>
        <xsd:restriction base="dms:Choice">
          <xsd:enumeration value="Annexure"/>
          <xsd:enumeration value="Brochure"/>
          <xsd:enumeration value="Correspondence"/>
          <xsd:enumeration value="FAQ"/>
          <xsd:enumeration value="Form"/>
          <xsd:enumeration value="Guide"/>
          <xsd:enumeration value="Internal Agreement"/>
          <xsd:enumeration value="Manual"/>
          <xsd:enumeration value="Policy"/>
          <xsd:enumeration value="Process Flow"/>
          <xsd:enumeration value="Report"/>
          <xsd:enumeration value="Research"/>
          <xsd:enumeration value="Script"/>
          <xsd:enumeration value="SoP"/>
          <xsd:enumeration value="Standard"/>
          <xsd:enumeration value="Table"/>
          <xsd:enumeration value="Template"/>
          <xsd:enumeration value="Terms of Reference"/>
        </xsd:restriction>
      </xsd:simpleType>
    </xsd:element>
    <xsd:element name="Client_x0020_Group" ma:index="6" nillable="true" ma:displayName="Client Group" ma:description="Select up to 5 of the client groups that would be interested in this information. Do not select more than 5. Select SARS if only staff should be interested in this information." ma:internalName="Client_x0020_Group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 External Clients"/>
                    <xsd:enumeration value="Aviation Kerosene suppliers"/>
                    <xsd:enumeration value="Brokers"/>
                    <xsd:enumeration value="Carriers"/>
                    <xsd:enumeration value="Clearing Agents"/>
                    <xsd:enumeration value="Depot"/>
                    <xsd:enumeration value="Electronic user"/>
                    <xsd:enumeration value="Embassies"/>
                    <xsd:enumeration value="Employers"/>
                    <xsd:enumeration value="Estates"/>
                    <xsd:enumeration value="Exempt Organisations"/>
                    <xsd:enumeration value="Expats"/>
                    <xsd:enumeration value="Exporters"/>
                    <xsd:enumeration value="Importers"/>
                    <xsd:enumeration value="Individuals"/>
                    <xsd:enumeration value="Industrial Development Zones"/>
                    <xsd:enumeration value="Large Businesses"/>
                    <xsd:enumeration value="Licensed Distributors of Fuel"/>
                    <xsd:enumeration value="Manufacturers / Producers"/>
                    <xsd:enumeration value="Non Residents"/>
                    <xsd:enumeration value="Operators for air passenger tax"/>
                    <xsd:enumeration value="Owner"/>
                    <xsd:enumeration value="Premise for processing"/>
                    <xsd:enumeration value="Rebate Users"/>
                    <xsd:enumeration value="Registered agent"/>
                    <xsd:enumeration value="Registered Electronic Communicators"/>
                    <xsd:enumeration value="Removers of goods"/>
                    <xsd:enumeration value="SARS"/>
                    <xsd:enumeration value="Small Businesses"/>
                    <xsd:enumeration value="Storage warehouses"/>
                    <xsd:enumeration value="Store suppliers"/>
                    <xsd:enumeration value="Tax Practitioners"/>
                    <xsd:enumeration value="Terminal"/>
                    <xsd:enumeration value="Transmission lines pipelines conveyer belts cable cars"/>
                    <xsd:enumeration value="Travelers"/>
                    <xsd:enumeration value="Vendors"/>
                  </xsd:restriction>
                </xsd:simpleType>
              </xsd:element>
            </xsd:sequence>
          </xsd:extension>
        </xsd:complexContent>
      </xsd:complexType>
    </xsd:element>
    <xsd:element name="Mode_x0020_of_x0020_Transport" ma:index="8" nillable="true" ma:displayName="Mode of Transport" ma:internalName="Mode_x0020_of_x0020_Transport" ma:readOnly="false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ir"/>
                    <xsd:enumeration value="Sea"/>
                    <xsd:enumeration value="Road"/>
                    <xsd:enumeration value="Rail"/>
                    <xsd:enumeration value="Post"/>
                    <xsd:enumeration value="Continuous Transmission Commodities"/>
                    <xsd:enumeration value="Travellers"/>
                  </xsd:restriction>
                </xsd:simpleType>
              </xsd:element>
            </xsd:sequence>
          </xsd:extension>
        </xsd:complexContent>
      </xsd:complexType>
    </xsd:element>
    <xsd:element name="Used_x0020_by" ma:index="9" ma:displayName="Used by" ma:default="Internal" ma:description="Sets if adocument is used internally only, or is safe for external consumption" ma:format="Dropdown" ma:internalName="Used_x0020_by" ma:readOnly="false">
      <xsd:simpleType>
        <xsd:restriction base="dms:Choice">
          <xsd:enumeration value="Internal"/>
          <xsd:enumeration value="External"/>
        </xsd:restriction>
      </xsd:simpleType>
    </xsd:element>
    <xsd:element name="Revision_x0020_Number" ma:index="10" nillable="true" ma:displayName="Revision Number" ma:decimals="0" ma:description="Stores the revision number of a document (Not the same ad Version Number)" ma:internalName="Revision_x0020_Number">
      <xsd:simpleType>
        <xsd:restriction base="dms:Number"/>
      </xsd:simpleType>
    </xsd:element>
    <xsd:element name="ld3c2ffa898941fbb74bf6884d8e3f86" ma:index="12" ma:taxonomy="true" ma:internalName="ld3c2ffa898941fbb74bf6884d8e3f86" ma:taxonomyFieldName="SARS_x0020_Products" ma:displayName="SARS Products" ma:readOnly="false" ma:default="" ma:fieldId="{5d3c2ffa-8989-41fb-b74b-f6884d8e3f86}" ma:taxonomyMulti="true" ma:sspId="2e1517fb-d2b1-44a1-a4a6-4df7a873e413" ma:termSetId="0e5db187-6345-40da-9707-e725ca772a7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f3e35da5-8b00-4d0d-b281-3d095660aeca}" ma:internalName="TaxCatchAll" ma:showField="CatchAllData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4" nillable="true" ma:displayName="Taxonomy Catch All Column1" ma:hidden="true" ma:list="{f3e35da5-8b00-4d0d-b281-3d095660aeca}" ma:internalName="TaxCatchAllLabel" ma:readOnly="true" ma:showField="CatchAllDataLabel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01257ccd9b746dda7c90cd14582fea7" ma:index="16" ma:taxonomy="true" ma:internalName="o01257ccd9b746dda7c90cd14582fea7" ma:taxonomyFieldName="Ops_x0020_Subject" ma:displayName="Ops Subject" ma:readOnly="false" ma:default="" ma:fieldId="{801257cc-d9b7-46dd-a7c9-0cd14582fea7}" ma:taxonomyMulti="true" ma:sspId="2e1517fb-d2b1-44a1-a4a6-4df7a873e413" ma:termSetId="dfc2b8ab-d076-482a-8bff-14cec0d10e58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d0f149eca2434f2a8c5eb3f963f961ae" ma:index="19" ma:taxonomy="true" ma:internalName="d0f149eca2434f2a8c5eb3f963f961ae" ma:taxonomyFieldName="Customs_x0020_Value_x0020_Chain" ma:displayName="Customs Value Chain" ma:readOnly="false" ma:default="" ma:fieldId="{d0f149ec-a243-4f2a-8c5e-b3f963f961ae}" ma:taxonomyMulti="true" ma:sspId="2e1517fb-d2b1-44a1-a4a6-4df7a873e413" ma:termSetId="9b562803-edd0-4e18-b0c0-2c7f60c3990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ecafa90c32ff4a9f9ed4d136794ca5b6" ma:index="22" nillable="true" ma:taxonomy="true" ma:internalName="ecafa90c32ff4a9f9ed4d136794ca5b6" ma:taxonomyFieldName="SARS_x0020_Ops_x0020_System" ma:displayName="SARS Ops System" ma:default="" ma:fieldId="{ecafa90c-32ff-4a9f-9ed4-d136794ca5b6}" ma:taxonomyMulti="true" ma:sspId="2e1517fb-d2b1-44a1-a4a6-4df7a873e413" ma:termSetId="b86250e3-2634-4821-b2ad-9f0fc5a0b44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ecurity_x0020_Classification" ma:index="24" nillable="true" ma:displayName="Security Classification" ma:default="Restricted" ma:format="Dropdown" ma:internalName="Security_x0020_Classification">
      <xsd:simpleType>
        <xsd:restriction base="dms:Choice">
          <xsd:enumeration value="Unclassified"/>
          <xsd:enumeration value="Restricted"/>
          <xsd:enumeration value="Confidential"/>
          <xsd:enumeration value="Secret"/>
          <xsd:enumeration value="Top Secret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8" ma:displayName="Content Type"/>
        <xsd:element ref="dc:title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d3c2ffa898941fbb74bf6884d8e3f8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Customs</TermName>
          <TermId xmlns="http://schemas.microsoft.com/office/infopath/2007/PartnerControls">da26e326-be00-4352-9f30-e6b5f91a13eb</TermId>
        </TermInfo>
        <TermInfo xmlns="http://schemas.microsoft.com/office/infopath/2007/PartnerControls">
          <TermName xmlns="http://schemas.microsoft.com/office/infopath/2007/PartnerControls">Excise Duties and Levies</TermName>
          <TermId xmlns="http://schemas.microsoft.com/office/infopath/2007/PartnerControls">56e87d43-3b87-469e-beb2-f2b44d0234de</TermId>
        </TermInfo>
      </Terms>
    </ld3c2ffa898941fbb74bf6884d8e3f86>
    <o01257ccd9b746dda7c90cd14582fea7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funds</TermName>
          <TermId xmlns="http://schemas.microsoft.com/office/infopath/2007/PartnerControls">9d015a0c-3f11-4c01-a4a1-5d07d6d00b6b</TermId>
        </TermInfo>
        <TermInfo xmlns="http://schemas.microsoft.com/office/infopath/2007/PartnerControls">
          <TermName xmlns="http://schemas.microsoft.com/office/infopath/2007/PartnerControls">Payments</TermName>
          <TermId xmlns="http://schemas.microsoft.com/office/infopath/2007/PartnerControls">75a62e09-1ffc-4614-9979-0cf0dcc166a3</TermId>
        </TermInfo>
      </Terms>
    </o01257ccd9b746dda7c90cd14582fea7>
    <DocumentType xmlns="c3443a2e-60f8-4a78-848d-80bd20643636">Annexure</DocumentType>
    <Security_x0020_Classification xmlns="c3443a2e-60f8-4a78-848d-80bd20643636">Unclassified</Security_x0020_Classification>
    <ecafa90c32ff4a9f9ed4d136794ca5b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eFiling</TermName>
          <TermId xmlns="http://schemas.microsoft.com/office/infopath/2007/PartnerControls">b90d56f9-3ea8-4081-9c4f-70c7240f6094</TermId>
        </TermInfo>
      </Terms>
    </ecafa90c32ff4a9f9ed4d136794ca5b6>
    <Q-Code xmlns="c3443a2e-60f8-4a78-848d-80bd20643636">SC-DT-C-13-A16 </Q-Code>
    <TaxCatchAll xmlns="c3443a2e-60f8-4a78-848d-80bd20643636">
      <Value>116</Value>
      <Value>64</Value>
      <Value>82</Value>
      <Value>74</Value>
      <Value>89</Value>
      <Value>1</Value>
    </TaxCatchAll>
    <Mode_x0020_of_x0020_Transport xmlns="c3443a2e-60f8-4a78-848d-80bd20643636">
      <Value>Air</Value>
      <Value>Sea</Value>
      <Value>Road</Value>
      <Value>Rail</Value>
      <Value>Continuous Transmission Commodities</Value>
    </Mode_x0020_of_x0020_Transport>
    <d0f149eca2434f2a8c5eb3f963f961ae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Declaration</TermName>
          <TermId xmlns="http://schemas.microsoft.com/office/infopath/2007/PartnerControls">8d35eb9f-4db3-4274-be0d-85618c04999b</TermId>
        </TermInfo>
      </Terms>
    </d0f149eca2434f2a8c5eb3f963f961ae>
    <Used_x0020_by xmlns="c3443a2e-60f8-4a78-848d-80bd20643636">External</Used_x0020_by>
    <Revision_x0020_Number xmlns="c3443a2e-60f8-4a78-848d-80bd20643636">0</Revision_x0020_Number>
    <Client_x0020_Group xmlns="c3443a2e-60f8-4a78-848d-80bd20643636">
      <Value>Exporters</Value>
      <Value>Importers</Value>
      <Value>Individuals</Value>
      <Value>Licensed Distributors of Fuel</Value>
      <Value>Manufacturers / Producers</Value>
      <Value>Owner</Value>
      <Value>Rebate Users</Value>
      <Value>Registered agent</Value>
    </Client_x0020_Group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8AE717B5-92B8-46AF-B9ED-C22ED5DB8D8E}">
  <ds:schemaRefs>
    <ds:schemaRef ds:uri="Microsoft.SharePoint.Taxonomy.ContentTypeSync"/>
  </ds:schemaRefs>
</ds:datastoreItem>
</file>

<file path=customXml/itemProps2.xml><?xml version="1.0" encoding="utf-8"?>
<ds:datastoreItem xmlns:ds="http://schemas.openxmlformats.org/officeDocument/2006/customXml" ds:itemID="{C91B9318-AEF6-4115-9EA8-665B7F0E76A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443a2e-60f8-4a78-848d-80bd2064363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96DDD28-9812-4E70-8341-A1C1D19AE9C7}">
  <ds:schemaRefs>
    <ds:schemaRef ds:uri="http://schemas.microsoft.com/office/2006/metadata/properties"/>
    <ds:schemaRef ds:uri="http://schemas.microsoft.com/office/infopath/2007/PartnerControls"/>
    <ds:schemaRef ds:uri="c3443a2e-60f8-4a78-848d-80bd20643636"/>
  </ds:schemaRefs>
</ds:datastoreItem>
</file>

<file path=customXml/itemProps4.xml><?xml version="1.0" encoding="utf-8"?>
<ds:datastoreItem xmlns:ds="http://schemas.openxmlformats.org/officeDocument/2006/customXml" ds:itemID="{6E073562-B34B-467C-9032-A3D3E9B763C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A6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C-DT-C-13-A16 - DA 63 CSV Template - External Annexure</dc:title>
  <cp:lastModifiedBy>Onalenna Moeti</cp:lastModifiedBy>
  <dcterms:created xsi:type="dcterms:W3CDTF">2023-10-05T09:40:58Z</dcterms:created>
  <dcterms:modified xsi:type="dcterms:W3CDTF">2023-12-07T12:52:3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EEE326BD1E9A4D85FC9D7A8B18F262010100E0FC1328ADACC14D895B8355ACA816A3</vt:lpwstr>
  </property>
  <property fmtid="{D5CDD505-2E9C-101B-9397-08002B2CF9AE}" pid="3" name="SARS Ops System">
    <vt:lpwstr>64;#eFiling|b90d56f9-3ea8-4081-9c4f-70c7240f6094</vt:lpwstr>
  </property>
  <property fmtid="{D5CDD505-2E9C-101B-9397-08002B2CF9AE}" pid="4" name="SARS Products">
    <vt:lpwstr>1;#Customs|da26e326-be00-4352-9f30-e6b5f91a13eb;#116;#Excise Duties and Levies|56e87d43-3b87-469e-beb2-f2b44d0234de</vt:lpwstr>
  </property>
  <property fmtid="{D5CDD505-2E9C-101B-9397-08002B2CF9AE}" pid="5" name="Ops Subject">
    <vt:lpwstr>82;#Refunds|9d015a0c-3f11-4c01-a4a1-5d07d6d00b6b;#74;#Payments|75a62e09-1ffc-4614-9979-0cf0dcc166a3</vt:lpwstr>
  </property>
  <property fmtid="{D5CDD505-2E9C-101B-9397-08002B2CF9AE}" pid="6" name="Customs Value Chain">
    <vt:lpwstr>89;#Declaration|8d35eb9f-4db3-4274-be0d-85618c04999b</vt:lpwstr>
  </property>
</Properties>
</file>